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84" r:id="rId3"/>
    <p:sldId id="286" r:id="rId4"/>
    <p:sldId id="263" r:id="rId5"/>
    <p:sldId id="264" r:id="rId6"/>
    <p:sldId id="279" r:id="rId7"/>
    <p:sldId id="265" r:id="rId8"/>
    <p:sldId id="266" r:id="rId9"/>
    <p:sldId id="267" r:id="rId10"/>
    <p:sldId id="262" r:id="rId11"/>
    <p:sldId id="268" r:id="rId12"/>
    <p:sldId id="270" r:id="rId13"/>
    <p:sldId id="271" r:id="rId14"/>
    <p:sldId id="272" r:id="rId15"/>
    <p:sldId id="269" r:id="rId16"/>
    <p:sldId id="273" r:id="rId17"/>
    <p:sldId id="277" r:id="rId18"/>
    <p:sldId id="280" r:id="rId19"/>
    <p:sldId id="281" r:id="rId20"/>
    <p:sldId id="276" r:id="rId21"/>
    <p:sldId id="282" r:id="rId22"/>
    <p:sldId id="283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Wingdings 3" pitchFamily="2" charset="2"/>
      <p:regular r:id="rId4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D200"/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601" autoAdjust="0"/>
    <p:restoredTop sz="93484" autoAdjust="0"/>
  </p:normalViewPr>
  <p:slideViewPr>
    <p:cSldViewPr snapToObjects="1" showGuides="1">
      <p:cViewPr varScale="1">
        <p:scale>
          <a:sx n="114" d="100"/>
          <a:sy n="114" d="100"/>
        </p:scale>
        <p:origin x="464" y="16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45080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415435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020244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151830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7963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868907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866444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208531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0938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5" Type="http://schemas.openxmlformats.org/officeDocument/2006/relationships/image" Target="../media/image15.png"/><Relationship Id="rId4" Type="http://schemas.openxmlformats.org/officeDocument/2006/relationships/image" Target="../media/image14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1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22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4" Type="http://schemas.openxmlformats.org/officeDocument/2006/relationships/image" Target="../media/image2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3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29816" y="2033264"/>
            <a:ext cx="10729192" cy="1938992"/>
          </a:xfrm>
        </p:spPr>
        <p:txBody>
          <a:bodyPr/>
          <a:lstStyle/>
          <a:p>
            <a:r>
              <a:rPr lang="en-GB" cap="none" dirty="0"/>
              <a:t>Towards upgrading </a:t>
            </a:r>
            <a:r>
              <a:rPr lang="en-GB" cap="none" dirty="0" err="1"/>
              <a:t>CoalHMM</a:t>
            </a:r>
            <a:r>
              <a:rPr lang="en-GB" cap="none" dirty="0"/>
              <a:t>, </a:t>
            </a:r>
            <a:r>
              <a:rPr lang="en-GB" sz="4000" cap="none" dirty="0"/>
              <a:t>or the inconvenience of having a state-space explosion and trying to overcome it</a:t>
            </a:r>
            <a:endParaRPr lang="en-GB" cap="non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</a:t>
            </a:r>
            <a:r>
              <a:rPr lang="en-DK" sz="2000" b="1" dirty="0"/>
              <a:t>transition probability matrix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</a:t>
            </a:r>
            <a:r>
              <a:rPr lang="en-DK" sz="2000" b="1" dirty="0"/>
              <a:t>probability of mutation conditional on the discretized tree height</a:t>
            </a:r>
            <a:r>
              <a:rPr lang="en-DK" sz="2000" dirty="0"/>
              <a:t>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</a:t>
                </a:r>
                <a:r>
                  <a:rPr lang="en-DK" sz="1400" dirty="0">
                    <a:ea typeface="Cambria Math" panose="020405030504060302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,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values were calculated using an msprime simulation of 100 kb. </a:t>
                </a:r>
              </a:p>
            </p:txBody>
          </p:sp>
        </mc:Choice>
        <mc:Fallback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DA0E25A-C209-5B49-A490-C6A04B2360EA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BCA551FC-30E3-C94D-BDE8-D9D54F522EE2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FFD6503B-ABE5-ED42-B091-C63A0717D076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0A91D624-C4DC-284D-8063-0C19E84B0622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A5AFEBD2-338C-454A-9E6A-3E8B7D53515C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3CC81ED8-3714-7847-A6EE-9E216DFE0800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509ADDF2-F046-454D-9347-2825986F6F8C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5251656C-9BA9-134D-95E2-A8B6BE8EE5F7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821C4DB4-D776-594C-A6AE-64BD8BF35CB4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5FBA6376-0DED-104D-A951-0899679B2665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DB4CE3F1-FADA-6F42-8FA4-CB120084D254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6128A9F3-0583-6E49-B1A2-2610337F0276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0EAA8CDF-F003-4941-89A0-72824B8D7357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58707A51-C6C7-0640-82E7-B3ED6C3C792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3A2E8C17-7EC8-8145-8F13-FB4A3CC418B6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96FABA2C-7718-A340-B91F-D5246C232F8C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9C67DF82-B1DA-7549-885F-F31A4EF2DD12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FCDAB4A5-692F-1A47-8384-23E5F8FEFAB9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0360572A-9A5F-6B4C-A465-1EC146667857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FFE17E1B-CE84-1045-AE4F-57D1BC7460DC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53EEC8D9-DF46-DF40-9420-7054983144D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5F52333B-E631-814C-AFAC-1E26653DCFA4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65AC7165-7CC5-1A40-80F1-8B49D8FBBC0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E4740EF6-6029-CA44-99DB-560421720B59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91D52759-0C42-D84C-8402-A5EF96BEFAE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DBA26819-6F10-A244-8DC7-2E7152334E58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E9A22C08-FC2A-D241-B885-8B23DE04FC5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C04E4462-14D8-184F-836D-F4030AEDCBED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213801BC-9FB9-B34B-8814-25E1F39A1A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D20F222D-CD2B-794E-8EB7-780CBD66361D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1277EA3F-A4C8-EE4A-A1D6-2B0861D24EA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0161DCFA-F6FB-3D45-BFAE-E7BF0902D2E2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4316AF60-C967-C047-B618-73E0BA18306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450BF677-4302-374C-98B6-96DE6355688D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70227CF8-5737-3E40-A1AE-8188D7B6139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63FD5756-C252-4040-BA31-634FEC7DE9F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EC62D8D9-A1E5-E847-8C3D-B5225269DF1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359F78E5-13E7-5D40-80DF-84F14B247E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4E077E5F-0518-9F42-9CD8-E991750D8C4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AD5B9A66-0884-044E-B057-96BC2C7F2FD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2A3FEC45-73C1-1C46-ABAA-CC6B6EDA376F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331E0502-BE01-724D-BA27-70EDC96162AF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B56671A-F39D-DA4D-9E47-175F7B694E8F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63445CCE-7A7F-8848-BCB1-08D3003BD85E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EAE31564-DD4A-EF49-AB54-2D1E126632F9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AC6D75BA-FB03-9549-BF90-3707B784664A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10623739-B00B-FB4D-8B11-052829912EFC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B0ABF3C1-579F-5143-9B37-C83D0B9B9D89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C1CB759B-0D07-694F-B287-4BBFCDB96529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32BF80C9-54BD-BC4F-84CC-9B1200169F20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A7450F38-1348-0A4B-AD08-20EC09722D0C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1355F7B-2A6A-CF47-9675-FCF339CD6F2D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45CC4422-0A70-0C43-998A-EBCAE3C03CA4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F575169A-BF0D-1241-ABE8-F21FA4F47655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33C7888D-4BC4-404B-8674-87FAE4187316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DB24B366-464D-BC4F-9B3D-35844F5319E8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DF55747C-89C4-5D4E-88C8-99A5E63A3B74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75E012F-DA9B-B443-9EC8-0B8A4E0F9BAE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9A9CFC2A-7DED-E642-AD3F-2034A29BCB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</a:t>
            </a:r>
            <a:r>
              <a:rPr lang="en-DK" sz="2000" b="1" dirty="0"/>
              <a:t>optimize</a:t>
            </a:r>
            <a:r>
              <a:rPr lang="en-DK" sz="2000" dirty="0"/>
              <a:t> the likelihood on theta and rho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ABC754B5-D4A1-AC41-8A90-B62B20B61698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538E2242-0BB0-9F4D-A104-1FD38424D6FD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522678FC-EBF9-A149-B106-D68F039DDC81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EEEA8315-C2FD-E449-AFFD-142245D4FC9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F968E8A3-CA58-A142-9853-34CCDFC6CE5D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F634A7ED-36F3-E041-B30E-A849955AB282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12495BD1-B1AD-DF43-8153-3C24739E4FE6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08117538-E464-A042-BE71-33A75C03D82A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19721942-21C0-3B43-862D-2E0820643B58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608BF731-6AD5-5B4F-BB4A-C1DCCC2DAC5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A20AE556-0FEB-294E-A32C-9E501CF0E036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1F93910E-D79D-3442-AC8C-07E61E68CB7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2C327D04-7776-5547-BB73-91DA5600C9EA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D390A2D0-B1C5-F34B-8714-7F6B73203FA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E05EB031-090E-CB48-8C09-2D37A474830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A61C42D3-7172-1643-9470-903744D06450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3221D3B8-5A26-E34D-8CD5-40A433F3FDD8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EEDCCAAD-CA4E-AF4C-97BA-D263C6EA3AEA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21D94151-774C-3847-AE14-A69D951E7EE9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67C9DE66-3036-914E-9246-CFCDB77A4829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D3B509B0-4DF0-7D45-9B8A-A5DDB3E0BCC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C60940F7-83FA-D548-B711-045B04BB352C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B26ED423-84C5-BA44-9DB9-2B8A6F365CE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69DF159F-F104-D44D-ADE9-3D9A3BE8B17C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4D15620C-EB00-CA47-A8B8-97EE751D202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AB9A4F1A-4A41-5746-978F-0077841B1B27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DA3F1A5E-3917-0B49-9FFA-5F39BA4588D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829D6209-8AF6-4247-9160-E55CDD91D07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818F7169-796A-E046-AEC4-9084DADCD80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455C02DC-6863-8A49-9BD0-FC18227F0355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F0879D29-ABB0-E54A-9756-70C71121B8C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8159B9E7-7034-0C4D-A689-B8C56CC4A793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0F0EE0C9-2218-A946-B9E7-4A47B0EA58D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8D2835F4-10CB-6341-984B-EB7257C5E1D7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0DC437E5-2F48-DA46-8F81-B910DEE78F4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B7E0F4CE-5814-AF47-B355-8520034FC7EC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3E041B15-01E0-C344-A290-CBA767F9885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656084CE-17CF-0649-B9B5-606F982254DB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6C74AE0C-A58E-364C-BE7B-78FA7F4E28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5E499FDC-EAE9-0844-9EC0-2FE48C2D57E6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D4533B0F-D610-6B46-B8B2-A8292A2BEA35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8AA7D0B7-39A3-9341-BB40-A208DC4CF9B8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2E95E915-0FB5-1B4C-9F65-2D76D3D1886A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AFEB7C6B-EC61-0748-AE19-D234D1F299FC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322D212A-D188-AB48-948A-EE998219530D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BAB543E5-F2C4-2C47-B332-64494C6E8DB9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729460C6-0704-1742-9DB9-856622B30C8B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64C2868A-2DDD-D34D-95F4-DA8120A0F878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5D428CA0-E324-1C45-ACF5-4768FA6F1941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D5108887-081E-CA4D-814D-B03A3E5FE032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E5721AC3-AF41-9446-BBA8-A6D5097E62C3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245559A-4DDD-124B-B574-07E1611A0849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A7846EF2-7447-D34B-963C-264AE545679F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6A096FE9-E851-1044-896F-F487406D4812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50222112-8F3D-6C4F-B343-1F1C0E9D600B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8F818FEC-7B61-0B4A-8CCE-F7DB5E2426AE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C6647FA6-1A0B-074F-9D00-80DFE220BAA6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0146AB2-CF81-2D46-9499-4F16621D3071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A4FC14F3-4841-CE48-9773-E3B5800F7A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</a:t>
            </a:r>
            <a:r>
              <a:rPr lang="en-DK" sz="2000" b="1" dirty="0"/>
              <a:t>optimize</a:t>
            </a:r>
            <a:r>
              <a:rPr lang="en-DK" sz="2000" dirty="0"/>
              <a:t>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</a:t>
            </a:r>
            <a:r>
              <a:rPr lang="en-DK" sz="2000" b="1" dirty="0"/>
              <a:t>forward-backward algorithm</a:t>
            </a:r>
            <a:r>
              <a:rPr lang="en-DK" sz="2000" dirty="0"/>
              <a:t>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E8DD5E45-7B22-6A42-98F5-6FB5DB5A877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318548" y="3167711"/>
            <a:ext cx="4760528" cy="27927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324C8C1-98EF-AF44-A648-86A94C7802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1268760"/>
            <a:ext cx="9994348" cy="49824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ing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52465484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pic>
        <p:nvPicPr>
          <p:cNvPr id="2050" name="Picture 2">
            <a:extLst>
              <a:ext uri="{FF2B5EF4-FFF2-40B4-BE49-F238E27FC236}">
                <a16:creationId xmlns:a16="http://schemas.microsoft.com/office/drawing/2014/main" id="{D0331D8F-B7CD-2449-8980-73C391C153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6540" y="2470357"/>
            <a:ext cx="2947842" cy="29478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2039D459-F030-5248-815D-AECF2EF313BA}"/>
              </a:ext>
            </a:extLst>
          </p:cNvPr>
          <p:cNvSpPr txBox="1"/>
          <p:nvPr/>
        </p:nvSpPr>
        <p:spPr>
          <a:xfrm>
            <a:off x="1078442" y="1858319"/>
            <a:ext cx="380039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n=2, 15 states, </a:t>
            </a:r>
            <a:r>
              <a:rPr lang="en-DK" sz="2000" dirty="0"/>
              <a:t>225 (44) transitions</a:t>
            </a:r>
            <a:endParaRPr lang="en-DK" sz="2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898176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pic>
        <p:nvPicPr>
          <p:cNvPr id="4098" name="Picture 2">
            <a:extLst>
              <a:ext uri="{FF2B5EF4-FFF2-40B4-BE49-F238E27FC236}">
                <a16:creationId xmlns:a16="http://schemas.microsoft.com/office/drawing/2014/main" id="{0F041DC5-7083-5941-8066-C44A2B2E45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91687" y="2492896"/>
            <a:ext cx="3177845" cy="3177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69803912-D5AB-0B4F-974B-AB50A4B11860}"/>
              </a:ext>
            </a:extLst>
          </p:cNvPr>
          <p:cNvSpPr txBox="1"/>
          <p:nvPr/>
        </p:nvSpPr>
        <p:spPr>
          <a:xfrm>
            <a:off x="1078442" y="1858319"/>
            <a:ext cx="380039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n=2, 15 states, </a:t>
            </a:r>
            <a:r>
              <a:rPr lang="en-DK" sz="2000" dirty="0"/>
              <a:t>225 (44) transitions</a:t>
            </a:r>
            <a:endParaRPr lang="en-DK" sz="2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77204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utline</a:t>
            </a:r>
          </a:p>
        </p:txBody>
      </p:sp>
      <p:sp>
        <p:nvSpPr>
          <p:cNvPr id="16" name="Title 3">
            <a:extLst>
              <a:ext uri="{FF2B5EF4-FFF2-40B4-BE49-F238E27FC236}">
                <a16:creationId xmlns:a16="http://schemas.microsoft.com/office/drawing/2014/main" id="{B8617D14-0053-4D4D-8F69-23EB257CDC4B}"/>
              </a:ext>
            </a:extLst>
          </p:cNvPr>
          <p:cNvSpPr txBox="1">
            <a:spLocks/>
          </p:cNvSpPr>
          <p:nvPr/>
        </p:nvSpPr>
        <p:spPr>
          <a:xfrm>
            <a:off x="549796" y="1628800"/>
            <a:ext cx="11556000" cy="324036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he coalescent with recombination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he state-space model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ime discretization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An HMM for rho and theta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Moving towards ILS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endParaRPr lang="en-GB" sz="3600" b="0" kern="0" cap="non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02080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E9A8E618-5DD8-3642-A4A4-B74635A8FA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236" y="1215989"/>
            <a:ext cx="11855052" cy="44452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C4B34A4C-21B8-D349-A63F-55D08250CA8F}"/>
              </a:ext>
            </a:extLst>
          </p:cNvPr>
          <p:cNvSpPr txBox="1"/>
          <p:nvPr/>
        </p:nvSpPr>
        <p:spPr>
          <a:xfrm>
            <a:off x="1072812" y="322728"/>
            <a:ext cx="1004319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n=3		203 states	   </a:t>
            </a:r>
            <a:r>
              <a:rPr lang="en-DK" sz="3600" dirty="0"/>
              <a:t>41,209 (1,118) transitions</a:t>
            </a:r>
            <a:endParaRPr lang="en-DK" sz="3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325364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9" name="TextBox 208">
            <a:extLst>
              <a:ext uri="{FF2B5EF4-FFF2-40B4-BE49-F238E27FC236}">
                <a16:creationId xmlns:a16="http://schemas.microsoft.com/office/drawing/2014/main" id="{45583BD7-BBA0-4B4B-AC84-C5C9861959BA}"/>
              </a:ext>
            </a:extLst>
          </p:cNvPr>
          <p:cNvSpPr txBox="1"/>
          <p:nvPr/>
        </p:nvSpPr>
        <p:spPr>
          <a:xfrm>
            <a:off x="1072812" y="322728"/>
            <a:ext cx="1004319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n=3		203 states	   </a:t>
            </a:r>
            <a:r>
              <a:rPr lang="en-DK" sz="3600" dirty="0"/>
              <a:t>41,209 (1,118) transitions</a:t>
            </a:r>
            <a:endParaRPr lang="en-DK" sz="3600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1D00A431-ED6F-E743-956A-3EB0353BAB3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169368"/>
            <a:ext cx="4839606" cy="48396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>
            <a:extLst>
              <a:ext uri="{FF2B5EF4-FFF2-40B4-BE49-F238E27FC236}">
                <a16:creationId xmlns:a16="http://schemas.microsoft.com/office/drawing/2014/main" id="{ED85E438-6513-824D-BD31-9752422C8E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85662" y="1169368"/>
            <a:ext cx="4968552" cy="4968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748786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0590903-3A6C-BD44-BEFA-51855EE395D6}"/>
              </a:ext>
            </a:extLst>
          </p:cNvPr>
          <p:cNvSpPr txBox="1"/>
          <p:nvPr/>
        </p:nvSpPr>
        <p:spPr>
          <a:xfrm>
            <a:off x="503746" y="332656"/>
            <a:ext cx="11181331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3600" dirty="0">
                <a:latin typeface="+mn-lt"/>
              </a:rPr>
              <a:t>n=4      </a:t>
            </a:r>
            <a:r>
              <a:rPr lang="en-DK" sz="3600" dirty="0"/>
              <a:t>4,140</a:t>
            </a:r>
            <a:r>
              <a:rPr lang="en-DK" sz="3600" dirty="0">
                <a:latin typeface="+mn-lt"/>
              </a:rPr>
              <a:t> states       </a:t>
            </a:r>
            <a:r>
              <a:rPr lang="en-DK" sz="3600" dirty="0"/>
              <a:t>17,131,321 (35,446) transitions</a:t>
            </a:r>
            <a:endParaRPr lang="en-DK" sz="3600" dirty="0">
              <a:latin typeface="+mn-lt"/>
            </a:endParaRPr>
          </a:p>
        </p:txBody>
      </p:sp>
      <p:pic>
        <p:nvPicPr>
          <p:cNvPr id="8194" name="Picture 2">
            <a:extLst>
              <a:ext uri="{FF2B5EF4-FFF2-40B4-BE49-F238E27FC236}">
                <a16:creationId xmlns:a16="http://schemas.microsoft.com/office/drawing/2014/main" id="{A88662D8-EBCB-214F-81CB-CF744D835B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30116" y="1082888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8064290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</a:t>
            </a:r>
            <a:r>
              <a:rPr lang="en-DK" sz="2000" b="1" dirty="0">
                <a:latin typeface="+mn-lt"/>
              </a:rPr>
              <a:t>different coalescent times </a:t>
            </a:r>
            <a:r>
              <a:rPr lang="en-DK" sz="2000" dirty="0">
                <a:latin typeface="+mn-lt"/>
              </a:rPr>
              <a:t>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Mutations</a:t>
            </a:r>
            <a:r>
              <a:rPr lang="en-DK" sz="2000" dirty="0">
                <a:latin typeface="+mn-lt"/>
              </a:rPr>
              <a:t>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</a:t>
            </a:r>
            <a:r>
              <a:rPr lang="en-DK" sz="2000" b="1" dirty="0">
                <a:latin typeface="+mn-lt"/>
              </a:rPr>
              <a:t>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156528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2" name="Picture 1">
            <a:extLst>
              <a:ext uri="{FF2B5EF4-FFF2-40B4-BE49-F238E27FC236}">
                <a16:creationId xmlns:a16="http://schemas.microsoft.com/office/drawing/2014/main" id="{4BD12F2D-246C-6043-A21E-C3FE20C61EA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004" b="67796"/>
          <a:stretch/>
        </p:blipFill>
        <p:spPr>
          <a:xfrm>
            <a:off x="35292" y="3812738"/>
            <a:ext cx="12066525" cy="195688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/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r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da-DK" sz="1400" dirty="0" err="1"/>
                  <a:t>Tree</a:t>
                </a:r>
                <a:r>
                  <a:rPr lang="da-DK" sz="1400" dirty="0"/>
                  <a:t> </a:t>
                </a:r>
                <a:r>
                  <a:rPr lang="da-DK" sz="1400" dirty="0" err="1"/>
                  <a:t>heights</a:t>
                </a:r>
                <a:r>
                  <a:rPr lang="da-DK" sz="1400" dirty="0"/>
                  <a:t> </a:t>
                </a:r>
                <a:r>
                  <a:rPr lang="da-DK" sz="1400" dirty="0" err="1"/>
                  <a:t>along</a:t>
                </a:r>
                <a:r>
                  <a:rPr lang="da-DK" sz="1400" dirty="0"/>
                  <a:t> an </a:t>
                </a:r>
                <a:r>
                  <a:rPr lang="en-DK" sz="1400" dirty="0"/>
                  <a:t>msprime simulation of 100 kb, with </a:t>
                </a:r>
                <a14:m>
                  <m:oMath xmlns:m="http://schemas.openxmlformats.org/officeDocument/2006/math">
                    <m:r>
                      <a:rPr lang="en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  </a:t>
                </a:r>
              </a:p>
            </p:txBody>
          </p:sp>
        </mc:Choice>
        <mc:Fallback xmlns="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  <a:blipFill>
                <a:blip r:embed="rId5"/>
                <a:stretch>
                  <a:fillRect t="-4167" b="-2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TextBox 17">
            <a:extLst>
              <a:ext uri="{FF2B5EF4-FFF2-40B4-BE49-F238E27FC236}">
                <a16:creationId xmlns:a16="http://schemas.microsoft.com/office/drawing/2014/main" id="{7AAA6A6E-84B2-F347-A958-C89C83227D8C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</a:t>
            </a:r>
            <a:r>
              <a:rPr lang="en-DK" sz="2000" b="1" dirty="0">
                <a:latin typeface="+mn-lt"/>
              </a:rPr>
              <a:t>different coalescent times </a:t>
            </a:r>
            <a:r>
              <a:rPr lang="en-DK" sz="2000" dirty="0">
                <a:latin typeface="+mn-lt"/>
              </a:rPr>
              <a:t>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Mutations</a:t>
            </a:r>
            <a:r>
              <a:rPr lang="en-DK" sz="2000" dirty="0">
                <a:latin typeface="+mn-lt"/>
              </a:rPr>
              <a:t>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</a:t>
            </a:r>
            <a:r>
              <a:rPr lang="en-DK" sz="2000" b="1" dirty="0">
                <a:latin typeface="+mn-lt"/>
              </a:rPr>
              <a:t>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74099" y="4398421"/>
              <a:ext cx="95576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26240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54999" y="798656"/>
            <a:ext cx="3617913" cy="5442637"/>
            <a:chOff x="7338085" y="566710"/>
            <a:chExt cx="3617913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38085" y="4271625"/>
              <a:ext cx="95519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4" y="4149080"/>
              <a:ext cx="1630114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769501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Symmetry</a:t>
            </a:r>
            <a:r>
              <a:rPr lang="en-DK" sz="2000" dirty="0">
                <a:latin typeface="+mn-lt"/>
              </a:rPr>
              <a:t>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837828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9ABF559-93D5-2F42-A849-3C6B7DB5D3A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35780"/>
          <a:stretch/>
        </p:blipFill>
        <p:spPr>
          <a:xfrm>
            <a:off x="227043" y="2276872"/>
            <a:ext cx="11556001" cy="36997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52</Words>
  <Application>Microsoft Macintosh PowerPoint</Application>
  <PresentationFormat>Custom</PresentationFormat>
  <Paragraphs>164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2" baseType="lpstr">
      <vt:lpstr>Wingdings 3</vt:lpstr>
      <vt:lpstr>AU Passata Light</vt:lpstr>
      <vt:lpstr>Calibri</vt:lpstr>
      <vt:lpstr>Cambria Math</vt:lpstr>
      <vt:lpstr>AU Passata</vt:lpstr>
      <vt:lpstr>Arial</vt:lpstr>
      <vt:lpstr>AU Peto</vt:lpstr>
      <vt:lpstr>Georgia</vt:lpstr>
      <vt:lpstr>AU 16:9</vt:lpstr>
      <vt:lpstr>Towards upgrading CoalHMM, or the inconvenience of having a state-space explosion and trying to overcome it</vt:lpstr>
      <vt:lpstr>Outline</vt:lpstr>
      <vt:lpstr>The coalescent with recombination</vt:lpstr>
      <vt:lpstr>The coalescent with recombination</vt:lpstr>
      <vt:lpstr>The state space model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Next step</vt:lpstr>
      <vt:lpstr>Next step</vt:lpstr>
      <vt:lpstr>Next step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1-14T10:08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